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626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3/09 September/"/>
    </mc:Choice>
  </mc:AlternateContent>
  <xr:revisionPtr revIDLastSave="0" documentId="8_{F5407EE9-C232-469E-A7C9-5F0B97A9A0DF}" xr6:coauthVersionLast="47" xr6:coauthVersionMax="47" xr10:uidLastSave="{00000000-0000-0000-0000-000000000000}"/>
  <bookViews>
    <workbookView xWindow="-110" yWindow="-110" windowWidth="19420" windowHeight="10420" xr2:uid="{A547AA0C-8CB7-46D8-8551-CCE1ABC18482}"/>
  </bookViews>
  <sheets>
    <sheet name="ALO5LITTL" sheetId="1" r:id="rId1"/>
  </sheets>
  <externalReferences>
    <externalReference r:id="rId2"/>
    <externalReference r:id="rId3"/>
    <externalReference r:id="rId4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2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3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48" uniqueCount="60">
  <si>
    <t>Powered by BlackRock Solutions®</t>
  </si>
  <si>
    <t>Confidential - For Internal Use Only. Generated: Oct 03 2023 05:46:20 EDT</t>
  </si>
  <si>
    <t/>
  </si>
  <si>
    <t>GBP</t>
  </si>
  <si>
    <t>UK I/L GILT       RegS</t>
  </si>
  <si>
    <t>GB00B3D4VD98</t>
  </si>
  <si>
    <t>GB00B1L6W962</t>
  </si>
  <si>
    <t>GB00B3Y1JG82</t>
  </si>
  <si>
    <t>GB00B46CGH68</t>
  </si>
  <si>
    <t>GB00B3LZBF68</t>
  </si>
  <si>
    <t>GB0031790826</t>
  </si>
  <si>
    <t>GB00B3MYD345</t>
  </si>
  <si>
    <t>GB00B0CNHZ09</t>
  </si>
  <si>
    <t>GB00B7RN0G65</t>
  </si>
  <si>
    <t>GB00BYZW3J87</t>
  </si>
  <si>
    <t>GB00B24FFM16</t>
  </si>
  <si>
    <t>GB00B421JZ66</t>
  </si>
  <si>
    <t>GB0008932666</t>
  </si>
  <si>
    <t>GB00BYMWG366</t>
  </si>
  <si>
    <t>UK I/L GILT 0.125 8/10/31 0.125 8 RegS</t>
  </si>
  <si>
    <t>GB00BNNGP551</t>
  </si>
  <si>
    <t>GB00B4PTCY75</t>
  </si>
  <si>
    <t>GB00B73ZYW09</t>
  </si>
  <si>
    <t>GB00BGDYHF49</t>
  </si>
  <si>
    <t>GB00BDX8CX86</t>
  </si>
  <si>
    <t>GB00BZ13DV40</t>
  </si>
  <si>
    <t>GB00BP9DLZ64</t>
  </si>
  <si>
    <t>GB00BLH38265</t>
  </si>
  <si>
    <t>GB00BNNGP882</t>
  </si>
  <si>
    <t>GB00BD9MZZ71</t>
  </si>
  <si>
    <t>GB00BMF9LH90</t>
  </si>
  <si>
    <t>GB00BYVP4K94</t>
  </si>
  <si>
    <t>UNITED KINGDOM OF GREAT BRITAIN AN RegS</t>
  </si>
  <si>
    <t>GB00BMF9LJ15</t>
  </si>
  <si>
    <t>GB00BM8Z2W66</t>
  </si>
  <si>
    <t>IBND</t>
  </si>
  <si>
    <t>ALO5LITTL</t>
  </si>
  <si>
    <t>Currency</t>
  </si>
  <si>
    <t>Market Value</t>
  </si>
  <si>
    <t>Security Description</t>
  </si>
  <si>
    <t>Par Value (m)</t>
  </si>
  <si>
    <t>ISIN</t>
  </si>
  <si>
    <t>&lt;Security Group&gt;</t>
  </si>
  <si>
    <t>NoCash</t>
  </si>
  <si>
    <t>Enabled</t>
  </si>
  <si>
    <t>Primary (FTILGLT5P)</t>
  </si>
  <si>
    <t>29-SEP-2023</t>
  </si>
  <si>
    <t>Aquila Life Over 5 Years UK Index Linked Gilt Index Fund</t>
  </si>
  <si>
    <t>Brunel Holdings</t>
  </si>
  <si>
    <t>Active Exposure by Sector</t>
  </si>
  <si>
    <t>Breakdown</t>
  </si>
  <si>
    <t>Widget Filter</t>
  </si>
  <si>
    <t>Look-through</t>
  </si>
  <si>
    <t>Benchmark</t>
  </si>
  <si>
    <t>Date</t>
  </si>
  <si>
    <t>Portfolio Short Name</t>
  </si>
  <si>
    <t>Portfolio Full Name</t>
  </si>
  <si>
    <t>Layout</t>
  </si>
  <si>
    <t>Widget</t>
  </si>
  <si>
    <t>Explo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5" x14ac:knownFonts="1">
    <font>
      <sz val="11"/>
      <color indexed="8"/>
      <name val="Calibri"/>
      <family val="2"/>
      <scheme val="minor"/>
    </font>
    <font>
      <b/>
      <sz val="10"/>
      <name val="Arial"/>
      <family val="2"/>
    </font>
    <font>
      <sz val="10"/>
      <name val="Arial"/>
      <family val="2"/>
    </font>
    <font>
      <b/>
      <sz val="11"/>
      <name val="Calibri"/>
      <family val="2"/>
    </font>
    <font>
      <sz val="10"/>
      <color indexed="9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rgb="FFEBEBEB"/>
      </patternFill>
    </fill>
    <fill>
      <patternFill patternType="solid">
        <fgColor rgb="FFFFFFFF"/>
      </patternFill>
    </fill>
    <fill>
      <patternFill patternType="solid">
        <fgColor rgb="FFB0D1B5"/>
      </patternFill>
    </fill>
    <fill>
      <patternFill patternType="solid">
        <fgColor rgb="FFA5CBAB"/>
      </patternFill>
    </fill>
    <fill>
      <patternFill patternType="solid">
        <fgColor rgb="FFDDDACB"/>
      </patternFill>
    </fill>
    <fill>
      <patternFill patternType="solid">
        <fgColor rgb="FF008CCF"/>
      </patternFill>
    </fill>
  </fills>
  <borders count="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</borders>
  <cellStyleXfs count="1">
    <xf numFmtId="0" fontId="0" fillId="0" borderId="0"/>
  </cellStyleXfs>
  <cellXfs count="26">
    <xf numFmtId="0" fontId="0" fillId="0" borderId="0" xfId="0"/>
    <xf numFmtId="0" fontId="1" fillId="0" borderId="0" xfId="0" applyFont="1" applyAlignment="1">
      <alignment horizontal="left"/>
    </xf>
    <xf numFmtId="0" fontId="2" fillId="2" borderId="1" xfId="0" applyFont="1" applyFill="1" applyBorder="1" applyAlignment="1">
      <alignment horizontal="left"/>
    </xf>
    <xf numFmtId="4" fontId="2" fillId="2" borderId="1" xfId="0" applyNumberFormat="1" applyFont="1" applyFill="1" applyBorder="1" applyAlignment="1">
      <alignment horizontal="right"/>
    </xf>
    <xf numFmtId="164" fontId="2" fillId="2" borderId="1" xfId="0" applyNumberFormat="1" applyFont="1" applyFill="1" applyBorder="1" applyAlignment="1">
      <alignment horizontal="right"/>
    </xf>
    <xf numFmtId="0" fontId="2" fillId="2" borderId="1" xfId="0" applyFont="1" applyFill="1" applyBorder="1" applyAlignment="1">
      <alignment horizontal="left" indent="2"/>
    </xf>
    <xf numFmtId="0" fontId="2" fillId="3" borderId="1" xfId="0" applyFont="1" applyFill="1" applyBorder="1" applyAlignment="1">
      <alignment horizontal="left"/>
    </xf>
    <xf numFmtId="4" fontId="2" fillId="3" borderId="1" xfId="0" applyNumberFormat="1" applyFont="1" applyFill="1" applyBorder="1" applyAlignment="1">
      <alignment horizontal="right"/>
    </xf>
    <xf numFmtId="164" fontId="2" fillId="3" borderId="1" xfId="0" applyNumberFormat="1" applyFont="1" applyFill="1" applyBorder="1" applyAlignment="1">
      <alignment horizontal="right"/>
    </xf>
    <xf numFmtId="0" fontId="2" fillId="3" borderId="1" xfId="0" applyFont="1" applyFill="1" applyBorder="1" applyAlignment="1">
      <alignment horizontal="left" indent="2"/>
    </xf>
    <xf numFmtId="0" fontId="2" fillId="4" borderId="1" xfId="0" applyFont="1" applyFill="1" applyBorder="1" applyAlignment="1">
      <alignment horizontal="left"/>
    </xf>
    <xf numFmtId="4" fontId="2" fillId="4" borderId="1" xfId="0" applyNumberFormat="1" applyFont="1" applyFill="1" applyBorder="1" applyAlignment="1">
      <alignment horizontal="right"/>
    </xf>
    <xf numFmtId="164" fontId="2" fillId="4" borderId="1" xfId="0" applyNumberFormat="1" applyFont="1" applyFill="1" applyBorder="1" applyAlignment="1">
      <alignment horizontal="right"/>
    </xf>
    <xf numFmtId="0" fontId="2" fillId="4" borderId="1" xfId="0" applyFont="1" applyFill="1" applyBorder="1" applyAlignment="1">
      <alignment horizontal="left" indent="1"/>
    </xf>
    <xf numFmtId="0" fontId="2" fillId="5" borderId="1" xfId="0" applyFont="1" applyFill="1" applyBorder="1" applyAlignment="1">
      <alignment horizontal="left"/>
    </xf>
    <xf numFmtId="4" fontId="2" fillId="5" borderId="1" xfId="0" applyNumberFormat="1" applyFont="1" applyFill="1" applyBorder="1" applyAlignment="1">
      <alignment horizontal="right"/>
    </xf>
    <xf numFmtId="164" fontId="2" fillId="5" borderId="1" xfId="0" applyNumberFormat="1" applyFont="1" applyFill="1" applyBorder="1" applyAlignment="1">
      <alignment horizontal="right"/>
    </xf>
    <xf numFmtId="0" fontId="1" fillId="6" borderId="2" xfId="0" applyFont="1" applyFill="1" applyBorder="1" applyAlignment="1">
      <alignment horizontal="center" wrapText="1"/>
    </xf>
    <xf numFmtId="0" fontId="3" fillId="0" borderId="3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6" xfId="0" applyFont="1" applyBorder="1" applyAlignment="1">
      <alignment horizontal="center"/>
    </xf>
    <xf numFmtId="0" fontId="3" fillId="0" borderId="7" xfId="0" applyFont="1" applyBorder="1" applyAlignment="1">
      <alignment horizontal="center"/>
    </xf>
    <xf numFmtId="0" fontId="3" fillId="0" borderId="8" xfId="0" applyFont="1" applyBorder="1" applyAlignment="1">
      <alignment horizontal="center"/>
    </xf>
    <xf numFmtId="0" fontId="0" fillId="7" borderId="0" xfId="0" applyFill="1"/>
    <xf numFmtId="0" fontId="4" fillId="7" borderId="0" xfId="0" applyFont="1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10" Type="http://schemas.openxmlformats.org/officeDocument/2006/relationships/customXml" Target="../customXml/item3.xml"/><Relationship Id="rId4" Type="http://schemas.openxmlformats.org/officeDocument/2006/relationships/externalLink" Target="externalLinks/externalLink3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bethan.jones\Downloads\BPPBUCKTTL.282945.854803.portfolio.20230930.xlsx" TargetMode="External"/><Relationship Id="rId1" Type="http://schemas.openxmlformats.org/officeDocument/2006/relationships/externalLinkPath" Target="file:///C:\Users\bethan.jones\Downloads\BPPBUCKTTL.282945.854803.portfolio.20230930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Fund Weightings"/>
    </sheetNames>
    <sheetDataSet>
      <sheetData sheetId="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E16FB1-D1A0-4F07-BA56-75D17F9C7C84}">
  <dimension ref="A1:J40"/>
  <sheetViews>
    <sheetView tabSelected="1" workbookViewId="0">
      <selection activeCell="A13" sqref="A13"/>
    </sheetView>
  </sheetViews>
  <sheetFormatPr defaultRowHeight="14.5" x14ac:dyDescent="0.35"/>
  <cols>
    <col min="1" max="1" width="68.7265625" bestFit="1" customWidth="1"/>
    <col min="2" max="2" width="15.1796875" bestFit="1" customWidth="1"/>
    <col min="3" max="3" width="52" bestFit="1" customWidth="1"/>
    <col min="4" max="4" width="20" bestFit="1" customWidth="1"/>
    <col min="5" max="5" width="11.54296875" bestFit="1" customWidth="1"/>
    <col min="6" max="6" width="8.81640625" bestFit="1" customWidth="1"/>
    <col min="7" max="7" width="18.81640625" bestFit="1" customWidth="1"/>
    <col min="8" max="8" width="12.81640625" bestFit="1" customWidth="1"/>
    <col min="9" max="9" width="12.7265625" bestFit="1" customWidth="1"/>
    <col min="10" max="10" width="16.26953125" bestFit="1" customWidth="1"/>
  </cols>
  <sheetData>
    <row r="1" spans="1:10" x14ac:dyDescent="0.35">
      <c r="A1" s="25" t="s">
        <v>59</v>
      </c>
      <c r="B1" s="24" t="s">
        <v>2</v>
      </c>
      <c r="C1" s="24" t="s">
        <v>2</v>
      </c>
      <c r="D1" s="24" t="s">
        <v>2</v>
      </c>
      <c r="E1" s="24" t="s">
        <v>2</v>
      </c>
      <c r="F1" s="24" t="s">
        <v>2</v>
      </c>
      <c r="G1" s="24" t="s">
        <v>2</v>
      </c>
      <c r="H1" s="24" t="s">
        <v>2</v>
      </c>
      <c r="I1" s="24" t="s">
        <v>2</v>
      </c>
      <c r="J1" s="24" t="s">
        <v>2</v>
      </c>
    </row>
    <row r="2" spans="1:10" x14ac:dyDescent="0.35">
      <c r="A2" t="s">
        <v>2</v>
      </c>
      <c r="B2" t="s">
        <v>2</v>
      </c>
      <c r="C2" t="s">
        <v>2</v>
      </c>
      <c r="D2" t="s">
        <v>2</v>
      </c>
      <c r="E2" t="s">
        <v>2</v>
      </c>
      <c r="F2" t="s">
        <v>2</v>
      </c>
      <c r="G2" t="s">
        <v>2</v>
      </c>
      <c r="H2" t="s">
        <v>2</v>
      </c>
      <c r="I2" t="s">
        <v>2</v>
      </c>
      <c r="J2" t="s">
        <v>2</v>
      </c>
    </row>
    <row r="3" spans="1:10" x14ac:dyDescent="0.35">
      <c r="A3" s="23" t="s">
        <v>58</v>
      </c>
      <c r="B3" s="22" t="s">
        <v>57</v>
      </c>
      <c r="C3" s="22" t="s">
        <v>56</v>
      </c>
      <c r="D3" s="22" t="s">
        <v>55</v>
      </c>
      <c r="E3" s="22" t="s">
        <v>54</v>
      </c>
      <c r="F3" s="22" t="s">
        <v>37</v>
      </c>
      <c r="G3" s="22" t="s">
        <v>53</v>
      </c>
      <c r="H3" s="22" t="s">
        <v>52</v>
      </c>
      <c r="I3" s="22" t="s">
        <v>51</v>
      </c>
      <c r="J3" s="21" t="s">
        <v>50</v>
      </c>
    </row>
    <row r="4" spans="1:10" x14ac:dyDescent="0.35">
      <c r="A4" s="20" t="s">
        <v>49</v>
      </c>
      <c r="B4" s="19" t="s">
        <v>48</v>
      </c>
      <c r="C4" s="19" t="s">
        <v>47</v>
      </c>
      <c r="D4" s="19" t="s">
        <v>36</v>
      </c>
      <c r="E4" s="19" t="s">
        <v>46</v>
      </c>
      <c r="F4" s="19" t="s">
        <v>3</v>
      </c>
      <c r="G4" s="19" t="s">
        <v>45</v>
      </c>
      <c r="H4" s="19" t="s">
        <v>44</v>
      </c>
      <c r="I4" s="19" t="s">
        <v>43</v>
      </c>
      <c r="J4" s="18" t="s">
        <v>42</v>
      </c>
    </row>
    <row r="5" spans="1:10" x14ac:dyDescent="0.35">
      <c r="A5" t="s">
        <v>2</v>
      </c>
      <c r="B5" t="s">
        <v>2</v>
      </c>
      <c r="C5" t="s">
        <v>2</v>
      </c>
      <c r="D5" t="s">
        <v>2</v>
      </c>
      <c r="E5" t="s">
        <v>2</v>
      </c>
      <c r="F5" t="s">
        <v>2</v>
      </c>
      <c r="G5" t="s">
        <v>2</v>
      </c>
      <c r="H5" t="s">
        <v>2</v>
      </c>
      <c r="I5" t="s">
        <v>2</v>
      </c>
      <c r="J5" t="s">
        <v>2</v>
      </c>
    </row>
    <row r="7" spans="1:10" x14ac:dyDescent="0.35">
      <c r="A7" s="17" t="s">
        <v>41</v>
      </c>
      <c r="B7" s="17" t="s">
        <v>40</v>
      </c>
      <c r="C7" s="17" t="s">
        <v>39</v>
      </c>
      <c r="D7" s="17" t="s">
        <v>38</v>
      </c>
      <c r="E7" s="17" t="s">
        <v>37</v>
      </c>
    </row>
    <row r="8" spans="1:10" x14ac:dyDescent="0.35">
      <c r="A8" s="14" t="s">
        <v>36</v>
      </c>
      <c r="B8" s="16">
        <v>1858633645.1319311</v>
      </c>
      <c r="C8" s="14" t="s">
        <v>2</v>
      </c>
      <c r="D8" s="15">
        <v>1675405179.042815</v>
      </c>
      <c r="E8" s="14" t="s">
        <v>2</v>
      </c>
    </row>
    <row r="9" spans="1:10" x14ac:dyDescent="0.35">
      <c r="A9" s="13" t="s">
        <v>35</v>
      </c>
      <c r="B9" s="12">
        <v>1858633645.1319311</v>
      </c>
      <c r="C9" s="10" t="s">
        <v>2</v>
      </c>
      <c r="D9" s="11">
        <v>1675405179.042815</v>
      </c>
      <c r="E9" s="10" t="s">
        <v>2</v>
      </c>
    </row>
    <row r="10" spans="1:10" x14ac:dyDescent="0.35">
      <c r="A10" s="9" t="s">
        <v>34</v>
      </c>
      <c r="B10" s="8">
        <v>21369040</v>
      </c>
      <c r="C10" s="6" t="s">
        <v>4</v>
      </c>
      <c r="D10" s="7">
        <v>13836967.078846155</v>
      </c>
      <c r="E10" s="6" t="s">
        <v>3</v>
      </c>
    </row>
    <row r="11" spans="1:10" x14ac:dyDescent="0.35">
      <c r="A11" s="5" t="s">
        <v>33</v>
      </c>
      <c r="B11" s="4">
        <v>14456362.5</v>
      </c>
      <c r="C11" s="2" t="s">
        <v>32</v>
      </c>
      <c r="D11" s="3">
        <v>14628326.431640625</v>
      </c>
      <c r="E11" s="2" t="s">
        <v>3</v>
      </c>
    </row>
    <row r="12" spans="1:10" x14ac:dyDescent="0.35">
      <c r="A12" s="9" t="s">
        <v>31</v>
      </c>
      <c r="B12" s="8">
        <v>40033338.985572502</v>
      </c>
      <c r="C12" s="6" t="s">
        <v>4</v>
      </c>
      <c r="D12" s="7">
        <v>26667871.527872667</v>
      </c>
      <c r="E12" s="6" t="s">
        <v>3</v>
      </c>
    </row>
    <row r="13" spans="1:10" x14ac:dyDescent="0.35">
      <c r="A13" s="5" t="s">
        <v>30</v>
      </c>
      <c r="B13" s="4">
        <v>33161741.599999998</v>
      </c>
      <c r="C13" s="2" t="s">
        <v>4</v>
      </c>
      <c r="D13" s="3">
        <v>28493237.994809993</v>
      </c>
      <c r="E13" s="2" t="s">
        <v>3</v>
      </c>
    </row>
    <row r="14" spans="1:10" x14ac:dyDescent="0.35">
      <c r="A14" s="9" t="s">
        <v>29</v>
      </c>
      <c r="B14" s="8">
        <v>45837903.972942002</v>
      </c>
      <c r="C14" s="6" t="s">
        <v>4</v>
      </c>
      <c r="D14" s="7">
        <v>28719352.599729646</v>
      </c>
      <c r="E14" s="6" t="s">
        <v>3</v>
      </c>
    </row>
    <row r="15" spans="1:10" x14ac:dyDescent="0.35">
      <c r="A15" s="5" t="s">
        <v>28</v>
      </c>
      <c r="B15" s="4">
        <v>45299520.039242707</v>
      </c>
      <c r="C15" s="2" t="s">
        <v>4</v>
      </c>
      <c r="D15" s="3">
        <v>31688103.19822045</v>
      </c>
      <c r="E15" s="2" t="s">
        <v>3</v>
      </c>
    </row>
    <row r="16" spans="1:10" x14ac:dyDescent="0.35">
      <c r="A16" s="9" t="s">
        <v>27</v>
      </c>
      <c r="B16" s="8">
        <v>47149403.07</v>
      </c>
      <c r="C16" s="6" t="s">
        <v>4</v>
      </c>
      <c r="D16" s="7">
        <v>40412886.770409256</v>
      </c>
      <c r="E16" s="6" t="s">
        <v>3</v>
      </c>
    </row>
    <row r="17" spans="1:5" x14ac:dyDescent="0.35">
      <c r="A17" s="5" t="s">
        <v>26</v>
      </c>
      <c r="B17" s="4">
        <v>63116428.235469401</v>
      </c>
      <c r="C17" s="2" t="s">
        <v>4</v>
      </c>
      <c r="D17" s="3">
        <v>41336495.714035623</v>
      </c>
      <c r="E17" s="2" t="s">
        <v>3</v>
      </c>
    </row>
    <row r="18" spans="1:5" x14ac:dyDescent="0.35">
      <c r="A18" s="9" t="s">
        <v>25</v>
      </c>
      <c r="B18" s="8">
        <v>63610101.819629587</v>
      </c>
      <c r="C18" s="6" t="s">
        <v>4</v>
      </c>
      <c r="D18" s="7">
        <v>46204459.287512086</v>
      </c>
      <c r="E18" s="6" t="s">
        <v>3</v>
      </c>
    </row>
    <row r="19" spans="1:5" x14ac:dyDescent="0.35">
      <c r="A19" s="5" t="s">
        <v>24</v>
      </c>
      <c r="B19" s="4">
        <v>75023869.80316861</v>
      </c>
      <c r="C19" s="2" t="s">
        <v>4</v>
      </c>
      <c r="D19" s="3">
        <v>46629148.58031451</v>
      </c>
      <c r="E19" s="2" t="s">
        <v>3</v>
      </c>
    </row>
    <row r="20" spans="1:5" x14ac:dyDescent="0.35">
      <c r="A20" s="9" t="s">
        <v>23</v>
      </c>
      <c r="B20" s="8">
        <v>65722701.342215508</v>
      </c>
      <c r="C20" s="6" t="s">
        <v>4</v>
      </c>
      <c r="D20" s="7">
        <v>54357263.883448355</v>
      </c>
      <c r="E20" s="6" t="s">
        <v>3</v>
      </c>
    </row>
    <row r="21" spans="1:5" x14ac:dyDescent="0.35">
      <c r="A21" s="5" t="s">
        <v>22</v>
      </c>
      <c r="B21" s="4">
        <v>76528303.382881209</v>
      </c>
      <c r="C21" s="2" t="s">
        <v>4</v>
      </c>
      <c r="D21" s="3">
        <v>55264767.118133463</v>
      </c>
      <c r="E21" s="2" t="s">
        <v>3</v>
      </c>
    </row>
    <row r="22" spans="1:5" x14ac:dyDescent="0.35">
      <c r="A22" s="9" t="s">
        <v>21</v>
      </c>
      <c r="B22" s="8">
        <v>79715685.968976021</v>
      </c>
      <c r="C22" s="6" t="s">
        <v>4</v>
      </c>
      <c r="D22" s="7">
        <v>56548084.785148233</v>
      </c>
      <c r="E22" s="6" t="s">
        <v>3</v>
      </c>
    </row>
    <row r="23" spans="1:5" x14ac:dyDescent="0.35">
      <c r="A23" s="5" t="s">
        <v>20</v>
      </c>
      <c r="B23" s="4">
        <v>59283285.522048503</v>
      </c>
      <c r="C23" s="2" t="s">
        <v>19</v>
      </c>
      <c r="D23" s="3">
        <v>57789929.893995032</v>
      </c>
      <c r="E23" s="2" t="s">
        <v>3</v>
      </c>
    </row>
    <row r="24" spans="1:5" x14ac:dyDescent="0.35">
      <c r="A24" s="9" t="s">
        <v>18</v>
      </c>
      <c r="B24" s="8">
        <v>80268695.339808777</v>
      </c>
      <c r="C24" s="6" t="s">
        <v>4</v>
      </c>
      <c r="D24" s="7">
        <v>60460363.975183681</v>
      </c>
      <c r="E24" s="6" t="s">
        <v>3</v>
      </c>
    </row>
    <row r="25" spans="1:5" x14ac:dyDescent="0.35">
      <c r="A25" s="5" t="s">
        <v>17</v>
      </c>
      <c r="B25" s="4">
        <v>18606981.91</v>
      </c>
      <c r="C25" s="2" t="s">
        <v>4</v>
      </c>
      <c r="D25" s="3">
        <v>63336410.387722246</v>
      </c>
      <c r="E25" s="2" t="s">
        <v>3</v>
      </c>
    </row>
    <row r="26" spans="1:5" x14ac:dyDescent="0.35">
      <c r="A26" s="9" t="s">
        <v>16</v>
      </c>
      <c r="B26" s="8">
        <v>85414508.435619995</v>
      </c>
      <c r="C26" s="6" t="s">
        <v>4</v>
      </c>
      <c r="D26" s="7">
        <v>67665045.065358013</v>
      </c>
      <c r="E26" s="6" t="s">
        <v>3</v>
      </c>
    </row>
    <row r="27" spans="1:5" x14ac:dyDescent="0.35">
      <c r="A27" s="5" t="s">
        <v>15</v>
      </c>
      <c r="B27" s="4">
        <v>82010441.800094411</v>
      </c>
      <c r="C27" s="2" t="s">
        <v>4</v>
      </c>
      <c r="D27" s="3">
        <v>70967691.240819424</v>
      </c>
      <c r="E27" s="2" t="s">
        <v>3</v>
      </c>
    </row>
    <row r="28" spans="1:5" x14ac:dyDescent="0.35">
      <c r="A28" s="9" t="s">
        <v>14</v>
      </c>
      <c r="B28" s="8">
        <v>80077449.758596495</v>
      </c>
      <c r="C28" s="6" t="s">
        <v>4</v>
      </c>
      <c r="D28" s="7">
        <v>72457455.484304085</v>
      </c>
      <c r="E28" s="6" t="s">
        <v>3</v>
      </c>
    </row>
    <row r="29" spans="1:5" x14ac:dyDescent="0.35">
      <c r="A29" s="5" t="s">
        <v>13</v>
      </c>
      <c r="B29" s="4">
        <v>96245894.989726543</v>
      </c>
      <c r="C29" s="2" t="s">
        <v>4</v>
      </c>
      <c r="D29" s="3">
        <v>75131859.232225493</v>
      </c>
      <c r="E29" s="2" t="s">
        <v>3</v>
      </c>
    </row>
    <row r="30" spans="1:5" x14ac:dyDescent="0.35">
      <c r="A30" s="9" t="s">
        <v>12</v>
      </c>
      <c r="B30" s="8">
        <v>78508950.30029881</v>
      </c>
      <c r="C30" s="6" t="s">
        <v>4</v>
      </c>
      <c r="D30" s="7">
        <v>75448338.607912526</v>
      </c>
      <c r="E30" s="6" t="s">
        <v>3</v>
      </c>
    </row>
    <row r="31" spans="1:5" x14ac:dyDescent="0.35">
      <c r="A31" s="5" t="s">
        <v>11</v>
      </c>
      <c r="B31" s="4">
        <v>86769783.254522696</v>
      </c>
      <c r="C31" s="2" t="s">
        <v>4</v>
      </c>
      <c r="D31" s="3">
        <v>77685670.731392205</v>
      </c>
      <c r="E31" s="2" t="s">
        <v>3</v>
      </c>
    </row>
    <row r="32" spans="1:5" x14ac:dyDescent="0.35">
      <c r="A32" s="9" t="s">
        <v>10</v>
      </c>
      <c r="B32" s="8">
        <v>35924233.280000001</v>
      </c>
      <c r="C32" s="6" t="s">
        <v>4</v>
      </c>
      <c r="D32" s="7">
        <v>86330855.656102359</v>
      </c>
      <c r="E32" s="6" t="s">
        <v>3</v>
      </c>
    </row>
    <row r="33" spans="1:5" x14ac:dyDescent="0.35">
      <c r="A33" s="5" t="s">
        <v>9</v>
      </c>
      <c r="B33" s="4">
        <v>97411830.782598004</v>
      </c>
      <c r="C33" s="2" t="s">
        <v>4</v>
      </c>
      <c r="D33" s="3">
        <v>89513698.27578932</v>
      </c>
      <c r="E33" s="2" t="s">
        <v>3</v>
      </c>
    </row>
    <row r="34" spans="1:5" x14ac:dyDescent="0.35">
      <c r="A34" s="9" t="s">
        <v>8</v>
      </c>
      <c r="B34" s="8">
        <v>94139939.7901631</v>
      </c>
      <c r="C34" s="6" t="s">
        <v>4</v>
      </c>
      <c r="D34" s="7">
        <v>94172345.654052407</v>
      </c>
      <c r="E34" s="6" t="s">
        <v>3</v>
      </c>
    </row>
    <row r="35" spans="1:5" x14ac:dyDescent="0.35">
      <c r="A35" s="5" t="s">
        <v>7</v>
      </c>
      <c r="B35" s="4">
        <v>97285968.0396709</v>
      </c>
      <c r="C35" s="2" t="s">
        <v>4</v>
      </c>
      <c r="D35" s="3">
        <v>95232654.139993623</v>
      </c>
      <c r="E35" s="2" t="s">
        <v>3</v>
      </c>
    </row>
    <row r="36" spans="1:5" x14ac:dyDescent="0.35">
      <c r="A36" s="9" t="s">
        <v>6</v>
      </c>
      <c r="B36" s="8">
        <v>95861997.228446588</v>
      </c>
      <c r="C36" s="6" t="s">
        <v>4</v>
      </c>
      <c r="D36" s="7">
        <v>98121865.664739892</v>
      </c>
      <c r="E36" s="6" t="s">
        <v>3</v>
      </c>
    </row>
    <row r="37" spans="1:5" x14ac:dyDescent="0.35">
      <c r="A37" s="5" t="s">
        <v>5</v>
      </c>
      <c r="B37" s="4">
        <v>99799283.980239004</v>
      </c>
      <c r="C37" s="2" t="s">
        <v>4</v>
      </c>
      <c r="D37" s="3">
        <v>106304030.06310338</v>
      </c>
      <c r="E37" s="2" t="s">
        <v>3</v>
      </c>
    </row>
    <row r="38" spans="1:5" x14ac:dyDescent="0.35">
      <c r="A38" s="1" t="s">
        <v>2</v>
      </c>
    </row>
    <row r="39" spans="1:5" x14ac:dyDescent="0.35">
      <c r="A39" s="1" t="s">
        <v>1</v>
      </c>
    </row>
    <row r="40" spans="1:5" x14ac:dyDescent="0.35">
      <c r="A40" s="1" t="s">
        <v>0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7" ma:contentTypeDescription="Create a new document." ma:contentTypeScope="" ma:versionID="cae7880a8bba760e4ad61d065ed32a52">
  <xsd:schema xmlns:xsd="http://www.w3.org/2001/XMLSchema" xmlns:xs="http://www.w3.org/2001/XMLSchema" xmlns:p="http://schemas.microsoft.com/office/2006/metadata/properties" xmlns:ns1="a06af3a4-65f4-44aa-b975-839a2c88f011" xmlns:ns2="37395777-011c-4d78-851b-5c6800e5b497" targetNamespace="http://schemas.microsoft.com/office/2006/metadata/properties" ma:root="true" ma:fieldsID="088c4747b8d816f8b6e6a060b99a2f75" ns1:_="" ns2:_="">
    <xsd:import namespace="a06af3a4-65f4-44aa-b975-839a2c88f011"/>
    <xsd:import namespace="37395777-011c-4d78-851b-5c6800e5b497"/>
    <xsd:element name="properties">
      <xsd:complexType>
        <xsd:sequence>
          <xsd:element name="documentManagement">
            <xsd:complexType>
              <xsd:all>
                <xsd:element ref="ns1:Classification" minOccurs="0"/>
                <xsd:element ref="ns2:Business_x0020_area" minOccurs="0"/>
                <xsd:element ref="ns2:Level_x0020_2" minOccurs="0"/>
                <xsd:element ref="ns2:Topic" minOccurs="0"/>
                <xsd:element ref="ns2:Client" minOccurs="0"/>
                <xsd:element ref="ns2:Audience" minOccurs="0"/>
                <xsd:element ref="ns1:Personal_x0020_Data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1:SharedWithUsers" minOccurs="0"/>
                <xsd:element ref="ns1:SharedWithDetails" minOccurs="0"/>
                <xsd:element ref="ns2:MediaServiceEventHashCode" minOccurs="0"/>
                <xsd:element ref="ns2:MediaServiceGenerationTime" minOccurs="0"/>
                <xsd:element ref="ns2:MediaServiceAutoKeyPoints" minOccurs="0"/>
                <xsd:element ref="ns2:MediaServiceKeyPoints" minOccurs="0"/>
                <xsd:element ref="ns2:MediaLengthInSeconds" minOccurs="0"/>
                <xsd:element ref="ns2:lcf76f155ced4ddcb4097134ff3c332f" minOccurs="0"/>
                <xsd:element ref="ns1:TaxCatchAll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Classification" ma:index="0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Personal_x0020_Data" ma:index="8" nillable="true" ma:displayName="Personal Data" ma:default="0" ma:indexed="true" ma:internalName="Personal_x0020_Data">
      <xsd:simpleType>
        <xsd:restriction base="dms:Boolean"/>
      </xsd:simpleType>
    </xsd:element>
    <xsd:element name="SharedWithUsers" ma:index="2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8" nillable="true" ma:displayName="Taxonomy Catch All Column" ma:hidden="true" ma:list="{9bc17256-2059-4441-9792-5643375b238b}" ma:internalName="TaxCatchAll" ma:showField="CatchAllData" ma:web="a06af3a4-65f4-44aa-b975-839a2c88f01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1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2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5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6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7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2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MediaServiceAutoTags" ma:internalName="MediaServiceAutoTags" ma:readOnly="true">
      <xsd:simpleType>
        <xsd:restriction base="dms:Text"/>
      </xsd:simpleType>
    </xsd:element>
    <xsd:element name="MediaServiceOCR" ma:index="16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6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7" nillable="true" ma:taxonomy="true" ma:internalName="lcf76f155ced4ddcb4097134ff3c332f" ma:taxonomyFieldName="MediaServiceImageTags" ma:displayName="Image Tags" ma:readOnly="false" ma:fieldId="{5cf76f15-5ced-4ddc-b409-7134ff3c332f}" ma:taxonomyMulti="true" ma:sspId="215a94fe-8423-4890-bab4-97fa22e490d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SearchProperties" ma:index="31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32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9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/>
    <Level_x0020_2 xmlns="37395777-011c-4d78-851b-5c6800e5b497"/>
    <Topic xmlns="37395777-011c-4d78-851b-5c6800e5b497"/>
    <Audience xmlns="37395777-011c-4d78-851b-5c6800e5b497"/>
    <Personal_x0020_Data xmlns="a06af3a4-65f4-44aa-b975-839a2c88f011">false</Personal_x0020_Data>
    <Classification xmlns="a06af3a4-65f4-44aa-b975-839a2c88f011">Internal Only</Classification>
    <TaxCatchAll xmlns="a06af3a4-65f4-44aa-b975-839a2c88f011"/>
    <Client xmlns="37395777-011c-4d78-851b-5c6800e5b497"/>
    <lcf76f155ced4ddcb4097134ff3c332f xmlns="37395777-011c-4d78-851b-5c6800e5b49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A73EC94D-1A36-4EF2-9DF5-A7B3F9610C2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06af3a4-65f4-44aa-b975-839a2c88f011"/>
    <ds:schemaRef ds:uri="37395777-011c-4d78-851b-5c6800e5b49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A0CD31E0-1711-45E0-8D4F-884CCFD00971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200B2DD-5B9F-4DA2-86FA-6933102BC935}">
  <ds:schemaRefs>
    <ds:schemaRef ds:uri="http://purl.org/dc/dcmitype/"/>
    <ds:schemaRef ds:uri="http://schemas.microsoft.com/office/2006/metadata/properties"/>
    <ds:schemaRef ds:uri="http://www.w3.org/XML/1998/namespace"/>
    <ds:schemaRef ds:uri="37395777-011c-4d78-851b-5c6800e5b497"/>
    <ds:schemaRef ds:uri="http://schemas.microsoft.com/office/infopath/2007/PartnerControls"/>
    <ds:schemaRef ds:uri="http://purl.org/dc/terms/"/>
    <ds:schemaRef ds:uri="http://schemas.microsoft.com/office/2006/documentManagement/types"/>
    <ds:schemaRef ds:uri="http://schemas.openxmlformats.org/package/2006/metadata/core-properties"/>
    <ds:schemaRef ds:uri="a06af3a4-65f4-44aa-b975-839a2c88f011"/>
    <ds:schemaRef ds:uri="http://purl.org/dc/elements/1.1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O5LITT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than Jones</dc:creator>
  <cp:lastModifiedBy>Bethan Jones</cp:lastModifiedBy>
  <dcterms:created xsi:type="dcterms:W3CDTF">2023-10-09T06:49:26Z</dcterms:created>
  <dcterms:modified xsi:type="dcterms:W3CDTF">2023-10-09T06:50:5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</Properties>
</file>